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9214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145"/>
        <w:gridCol w:w="2391"/>
        <w:gridCol w:w="2127"/>
        <w:gridCol w:w="2551"/>
      </w:tblGrid>
      <w:tr w:rsidR="00065123" w:rsidRPr="00065123" w14:paraId="257DF392" w14:textId="77777777" w:rsidTr="00AB36E1">
        <w:trPr>
          <w:trHeight w:val="255"/>
        </w:trPr>
        <w:tc>
          <w:tcPr>
            <w:tcW w:w="9214" w:type="dxa"/>
            <w:gridSpan w:val="4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noWrap/>
            <w:vAlign w:val="bottom"/>
            <w:hideMark/>
          </w:tcPr>
          <w:p w14:paraId="3310C5B8" w14:textId="6775DA94" w:rsidR="00065123" w:rsidRPr="00065123" w:rsidRDefault="00065123" w:rsidP="00E379DE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FFFFFF"/>
                <w:sz w:val="18"/>
                <w:szCs w:val="18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18"/>
                <w:szCs w:val="18"/>
                <w:lang w:eastAsia="nl-NL"/>
              </w:rPr>
              <w:t xml:space="preserve">De eisen voor Bekwaming in de hybride beeldvorming per 2022 zijn inhoudelijk gelijk </w:t>
            </w:r>
            <w:r w:rsidR="00E379DE">
              <w:rPr>
                <w:rFonts w:ascii="Calibri" w:eastAsia="Times New Roman" w:hAnsi="Calibri" w:cs="Calibri"/>
                <w:color w:val="FFFFFF"/>
                <w:sz w:val="18"/>
                <w:szCs w:val="18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FFFFFF"/>
                <w:sz w:val="18"/>
                <w:szCs w:val="18"/>
                <w:lang w:eastAsia="nl-NL"/>
              </w:rPr>
              <w:t>aan de eisen voor Deelcertificering in de periode 2015-2021</w:t>
            </w:r>
          </w:p>
        </w:tc>
      </w:tr>
      <w:tr w:rsidR="00065123" w:rsidRPr="00065123" w14:paraId="23DDDF6E" w14:textId="77777777" w:rsidTr="00AB36E1">
        <w:trPr>
          <w:trHeight w:val="803"/>
        </w:trPr>
        <w:tc>
          <w:tcPr>
            <w:tcW w:w="2145" w:type="dxa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vAlign w:val="center"/>
            <w:hideMark/>
          </w:tcPr>
          <w:p w14:paraId="6BF5E5B4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t>Hybride beeldvorming</w:t>
            </w:r>
          </w:p>
        </w:tc>
        <w:tc>
          <w:tcPr>
            <w:tcW w:w="2391" w:type="dxa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vAlign w:val="center"/>
            <w:hideMark/>
          </w:tcPr>
          <w:p w14:paraId="537A1709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t>nadere</w:t>
            </w: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br/>
              <w:t xml:space="preserve"> omschrijving</w:t>
            </w:r>
          </w:p>
        </w:tc>
        <w:tc>
          <w:tcPr>
            <w:tcW w:w="2127" w:type="dxa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vAlign w:val="center"/>
            <w:hideMark/>
          </w:tcPr>
          <w:p w14:paraId="0DD29CCC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t xml:space="preserve">aantallen </w:t>
            </w: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br/>
              <w:t>te verslaan</w:t>
            </w:r>
          </w:p>
        </w:tc>
        <w:tc>
          <w:tcPr>
            <w:tcW w:w="2551" w:type="dxa"/>
            <w:tcBorders>
              <w:top w:val="nil"/>
              <w:left w:val="nil"/>
              <w:bottom w:val="nil"/>
              <w:right w:val="nil"/>
            </w:tcBorders>
            <w:shd w:val="clear" w:color="000000" w:fill="305496"/>
            <w:noWrap/>
            <w:vAlign w:val="center"/>
            <w:hideMark/>
          </w:tcPr>
          <w:p w14:paraId="63D6007E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b/>
                <w:bCs/>
                <w:i/>
                <w:iCs/>
                <w:color w:val="FFFFFF"/>
                <w:sz w:val="20"/>
                <w:szCs w:val="20"/>
                <w:lang w:eastAsia="nl-NL"/>
              </w:rPr>
              <w:t>onderwijs (1)</w:t>
            </w:r>
          </w:p>
        </w:tc>
      </w:tr>
      <w:tr w:rsidR="00065123" w:rsidRPr="00065123" w14:paraId="7810DEB4" w14:textId="77777777" w:rsidTr="00AB36E1">
        <w:trPr>
          <w:trHeight w:val="178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11D149E4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cardiale CTA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nucleair geneeskundi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250C7BE2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ardiale CT angiografie met intraveneus contrastmiddel; calciumscores tellen niet mee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noWrap/>
            <w:vAlign w:val="center"/>
            <w:hideMark/>
          </w:tcPr>
          <w:p w14:paraId="6AF94E96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15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7948C740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2 dagdelen blokonderwijs cardiovasculaire radiologie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CT van de basiscursus BVT-1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CT van de vervolgcursus BVT-2</w:t>
            </w:r>
          </w:p>
        </w:tc>
      </w:tr>
      <w:tr w:rsidR="00065123" w:rsidRPr="00065123" w14:paraId="3016E0A5" w14:textId="77777777" w:rsidTr="00AB36E1">
        <w:trPr>
          <w:trHeight w:val="2100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3A3C945B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cardiale MRI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nucleair geneeskundi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bottom"/>
            <w:hideMark/>
          </w:tcPr>
          <w:p w14:paraId="41142F5D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 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noWrap/>
            <w:vAlign w:val="center"/>
            <w:hideMark/>
          </w:tcPr>
          <w:p w14:paraId="3E69E77D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15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7FE2850A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2 dagdelen blokonderwijs cardiovasculaire radiologie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MR van de basiscursus BVT-1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MR van de vervolgcursus BVT-2</w:t>
            </w:r>
          </w:p>
        </w:tc>
      </w:tr>
      <w:tr w:rsidR="00065123" w:rsidRPr="00065123" w14:paraId="01641AE7" w14:textId="77777777" w:rsidTr="00AB36E1">
        <w:trPr>
          <w:trHeight w:val="427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78B4F846" w14:textId="657084D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oncologische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(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FDG-PET/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)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CT</w:t>
            </w:r>
            <w:r w:rsidR="00F94CCB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 </w:t>
            </w:r>
            <w:r w:rsidRPr="00F94CCB">
              <w:rPr>
                <w:rFonts w:ascii="Calibri" w:eastAsia="Times New Roman" w:hAnsi="Calibri" w:cs="Calibri"/>
                <w:color w:val="FFFFFF" w:themeColor="background1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nucleair geneeskundi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51A58991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*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  van hals, thorax en abdomen, voor oncologie en detectie van ontsteking en infectie,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muv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orthopedie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alleen state-of-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th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-art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met intraveneus contrastmiddel; low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dos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tellen niet mee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*meerdere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scanbereiken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gecombineerd in één onderzoek (bijv. CT-hals + CT-thorax + CT-abdomen) kunnen alle meetellen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569B6E7E" w14:textId="4075DFD9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300 CT thorax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300 CT abdomen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150 CT hals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(alle met</w:t>
            </w:r>
            <w:r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of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zonder PET)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23EACA6A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2 dagdelen blokonderwijs abdomen-2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CT van de basiscursus BVT-1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CT van de vervolgcursus BVT-2</w:t>
            </w:r>
          </w:p>
        </w:tc>
      </w:tr>
      <w:tr w:rsidR="00065123" w:rsidRPr="00065123" w14:paraId="291580C2" w14:textId="77777777" w:rsidTr="00AB36E1">
        <w:trPr>
          <w:trHeight w:val="382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7868D3F3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MSK-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(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PET/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)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CT en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(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SPECT/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)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CT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nucleair geneeskundi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bottom"/>
            <w:hideMark/>
          </w:tcPr>
          <w:p w14:paraId="68980EC8" w14:textId="05196D10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*</w:t>
            </w:r>
            <w:r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MSK CT,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99mTc-HDP/MDP </w:t>
            </w:r>
            <w:r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SPECT/C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, 18F-PET-CT en orthopedische 18F-FDG PET/C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het gaat om de CT componen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*gericht op de beoordeling van het skelet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betreft state-of-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th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-art CT met diagnostische kwalitei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verhouding tussen de aantallen PET-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en SPECT-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 is niet relevant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2C7BFDA0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 xml:space="preserve">150 MSK PET/CT’s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br/>
              <w:t xml:space="preserve">dan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>wel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 xml:space="preserve"> SPECT/CT’s 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br/>
              <w:t xml:space="preserve">of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>stand alon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val="en-US" w:eastAsia="nl-NL"/>
              </w:rPr>
              <w:t xml:space="preserve"> CT 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DDEBF7"/>
            <w:vAlign w:val="center"/>
            <w:hideMark/>
          </w:tcPr>
          <w:p w14:paraId="2BBDBD57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2 dagdelen blokonderwijs MSK-2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CT van de basiscursus BVT-1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CT van de vervolgcursus BVT-2</w:t>
            </w:r>
          </w:p>
        </w:tc>
      </w:tr>
      <w:tr w:rsidR="00065123" w:rsidRPr="00065123" w14:paraId="029DED25" w14:textId="77777777" w:rsidTr="00AB36E1">
        <w:trPr>
          <w:trHeight w:val="4380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38F95743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lastRenderedPageBreak/>
              <w:t xml:space="preserve">Myocard perfusiescintigrafie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radiolo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50957570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inclusief bijbehorende inspanningsproeven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gated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myocardperfusie SPECT of PET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noWrap/>
            <w:vAlign w:val="center"/>
            <w:hideMark/>
          </w:tcPr>
          <w:p w14:paraId="10C72A33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15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43AA9834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2 dagdelen blokonderwijs nucleaire geneeskunde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nucleaire technieken van de basiscursus BVT-1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nucleaire technieken van de vervolgcursus BVT-2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basiscursus ergometrie en ECG-beoordeling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 bevoegdheid werken met open bronnen</w:t>
            </w:r>
          </w:p>
        </w:tc>
      </w:tr>
      <w:tr w:rsidR="00065123" w:rsidRPr="00065123" w14:paraId="55E744F6" w14:textId="77777777" w:rsidTr="00AB36E1">
        <w:trPr>
          <w:trHeight w:val="469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7F9F4748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Oncologische FDG-PET/CT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 voor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 radiolo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1C7E80C2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FDG-PET/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CT’s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  van hals, thorax en abdomen, voor oncologie en detectie van ontsteking en infectie, m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.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u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.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v</w:t>
            </w:r>
            <w:r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.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orthopedie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zowel PET- als CT-component van onderzoek, FDG-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PET's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met low-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dose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CT toegestaan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wholebody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-PET; </w:t>
            </w:r>
            <w:proofErr w:type="spellStart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PET's</w:t>
            </w:r>
            <w:proofErr w:type="spellEnd"/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 xml:space="preserve"> van alleen het hart, de hersenen of een ander deelgebied, of met andere radiofarmaca dan 18F-FDG tellen niet mee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noWrap/>
            <w:vAlign w:val="center"/>
            <w:hideMark/>
          </w:tcPr>
          <w:p w14:paraId="3C1E56BD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30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72F25657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2 dagdelen blokonderwijs nucleaire geneeskunde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nucleaire technieken van de basiscursus BVT-1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nucleaire technieken van de vervolgcursus BVT-2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 xml:space="preserve">*bevoegdheid werken met open bronnen </w:t>
            </w:r>
          </w:p>
        </w:tc>
      </w:tr>
      <w:tr w:rsidR="00065123" w:rsidRPr="00065123" w14:paraId="2A530777" w14:textId="77777777" w:rsidTr="00AB36E1">
        <w:trPr>
          <w:trHeight w:val="3525"/>
        </w:trPr>
        <w:tc>
          <w:tcPr>
            <w:tcW w:w="2145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2F75B5"/>
            <w:vAlign w:val="center"/>
            <w:hideMark/>
          </w:tcPr>
          <w:p w14:paraId="244D66DD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MSK-SPECT/CT </w:t>
            </w:r>
            <w:r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 xml:space="preserve">voor </w:t>
            </w:r>
            <w:r w:rsidRPr="00065123">
              <w:rPr>
                <w:rFonts w:ascii="Calibri" w:eastAsia="Times New Roman" w:hAnsi="Calibri" w:cs="Calibri"/>
                <w:color w:val="FFFFFF"/>
                <w:sz w:val="20"/>
                <w:szCs w:val="20"/>
                <w:lang w:eastAsia="nl-NL"/>
              </w:rPr>
              <w:t>radiologen</w:t>
            </w:r>
          </w:p>
        </w:tc>
        <w:tc>
          <w:tcPr>
            <w:tcW w:w="239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486FE96D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 xml:space="preserve">*99mTc-HDP/MDP skeletscintigrafie / SPECT en/of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NaF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-PET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 xml:space="preserve">* zowel driefasen botscintigrafie als </w:t>
            </w:r>
            <w:proofErr w:type="spellStart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whole</w:t>
            </w:r>
            <w:proofErr w:type="spellEnd"/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t>-body scintigrafie tellen mee</w:t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222222"/>
                <w:sz w:val="20"/>
                <w:szCs w:val="20"/>
                <w:lang w:eastAsia="nl-NL"/>
              </w:rPr>
              <w:br/>
              <w:t>* minimaal 25% van het totaal aantal zelfstandig verslagen verrichtingen moet inclusief tomografische verrichting (SPECT/PET) zijn</w:t>
            </w:r>
          </w:p>
        </w:tc>
        <w:tc>
          <w:tcPr>
            <w:tcW w:w="2127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noWrap/>
            <w:vAlign w:val="center"/>
            <w:hideMark/>
          </w:tcPr>
          <w:p w14:paraId="085ADCD5" w14:textId="77777777" w:rsidR="00065123" w:rsidRPr="00065123" w:rsidRDefault="00065123" w:rsidP="00065123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150</w:t>
            </w:r>
          </w:p>
        </w:tc>
        <w:tc>
          <w:tcPr>
            <w:tcW w:w="2551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BDD7EE"/>
            <w:vAlign w:val="center"/>
            <w:hideMark/>
          </w:tcPr>
          <w:p w14:paraId="20D68FE1" w14:textId="77777777" w:rsid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2 dagdelen blokonderwijs nucleaire geneeskunde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nucleaire technieken van de basiscursus BVT-1</w:t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</w: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br/>
              <w:t>*dagdeel nucleaire technieken van de vervolgcursus BVT-2</w:t>
            </w:r>
          </w:p>
          <w:p w14:paraId="625A5C90" w14:textId="77777777" w:rsid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</w:p>
          <w:p w14:paraId="3F9DF87F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  <w:t>*bevoegdheid werken met open bronnen</w:t>
            </w:r>
          </w:p>
        </w:tc>
      </w:tr>
      <w:tr w:rsidR="00065123" w:rsidRPr="00065123" w14:paraId="4594049C" w14:textId="77777777" w:rsidTr="00AB36E1">
        <w:trPr>
          <w:trHeight w:val="255"/>
        </w:trPr>
        <w:tc>
          <w:tcPr>
            <w:tcW w:w="2145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E522637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color w:val="000000"/>
                <w:sz w:val="20"/>
                <w:szCs w:val="20"/>
                <w:lang w:eastAsia="nl-NL"/>
              </w:rPr>
            </w:pPr>
          </w:p>
        </w:tc>
        <w:tc>
          <w:tcPr>
            <w:tcW w:w="2391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090D87C" w14:textId="77777777" w:rsidR="00065123" w:rsidRPr="00065123" w:rsidRDefault="00065123" w:rsidP="00065123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  <w:lang w:eastAsia="nl-NL"/>
              </w:rPr>
            </w:pPr>
          </w:p>
        </w:tc>
        <w:tc>
          <w:tcPr>
            <w:tcW w:w="212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FCDD1FC" w14:textId="77777777" w:rsidR="00065123" w:rsidRPr="00065123" w:rsidRDefault="00065123" w:rsidP="00065123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  <w:lang w:eastAsia="nl-NL"/>
              </w:rPr>
            </w:pPr>
          </w:p>
        </w:tc>
        <w:tc>
          <w:tcPr>
            <w:tcW w:w="2551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5FD6837" w14:textId="77777777" w:rsidR="00065123" w:rsidRPr="00065123" w:rsidRDefault="00065123" w:rsidP="00065123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  <w:lang w:eastAsia="nl-NL"/>
              </w:rPr>
            </w:pPr>
          </w:p>
        </w:tc>
      </w:tr>
      <w:tr w:rsidR="00065123" w:rsidRPr="00065123" w14:paraId="3BE86B13" w14:textId="77777777" w:rsidTr="00AB36E1">
        <w:trPr>
          <w:trHeight w:val="255"/>
        </w:trPr>
        <w:tc>
          <w:tcPr>
            <w:tcW w:w="9214" w:type="dxa"/>
            <w:gridSpan w:val="4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A81AD76" w14:textId="77777777" w:rsidR="00065123" w:rsidRPr="00065123" w:rsidRDefault="00065123" w:rsidP="00065123">
            <w:pPr>
              <w:spacing w:after="0" w:line="240" w:lineRule="auto"/>
              <w:rPr>
                <w:rFonts w:ascii="Calibri" w:eastAsia="Times New Roman" w:hAnsi="Calibri" w:cs="Calibri"/>
                <w:i/>
                <w:iCs/>
                <w:color w:val="000000"/>
                <w:sz w:val="20"/>
                <w:szCs w:val="20"/>
                <w:lang w:eastAsia="nl-NL"/>
              </w:rPr>
            </w:pPr>
            <w:r w:rsidRPr="00065123">
              <w:rPr>
                <w:rFonts w:ascii="Calibri" w:eastAsia="Times New Roman" w:hAnsi="Calibri" w:cs="Calibri"/>
                <w:i/>
                <w:iCs/>
                <w:color w:val="000000"/>
                <w:sz w:val="20"/>
                <w:szCs w:val="20"/>
                <w:lang w:eastAsia="nl-NL"/>
              </w:rPr>
              <w:t>[1] Als goedgekeurd onderwijs kunnen ook gelden de eventuele opvolgers van de genoemde cursussen</w:t>
            </w:r>
          </w:p>
        </w:tc>
      </w:tr>
    </w:tbl>
    <w:p w14:paraId="5E607E42" w14:textId="77777777" w:rsidR="00C2111F" w:rsidRPr="00065123" w:rsidRDefault="00C2111F"/>
    <w:sectPr w:rsidR="00C2111F" w:rsidRPr="00065123" w:rsidSect="00AB36E1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65123"/>
    <w:rsid w:val="00065123"/>
    <w:rsid w:val="004476B8"/>
    <w:rsid w:val="009A45A9"/>
    <w:rsid w:val="00AB36E1"/>
    <w:rsid w:val="00C2111F"/>
    <w:rsid w:val="00C60EB9"/>
    <w:rsid w:val="00E379DE"/>
    <w:rsid w:val="00F94CC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6292E72"/>
  <w15:chartTrackingRefBased/>
  <w15:docId w15:val="{3E954987-4C9D-4234-82DA-5270E6A5949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Ballontekst">
    <w:name w:val="Balloon Text"/>
    <w:basedOn w:val="Standaard"/>
    <w:link w:val="BallontekstChar"/>
    <w:uiPriority w:val="99"/>
    <w:semiHidden/>
    <w:unhideWhenUsed/>
    <w:rsid w:val="00065123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065123"/>
    <w:rPr>
      <w:rFonts w:ascii="Segoe UI" w:hAnsi="Segoe UI" w:cs="Segoe UI"/>
      <w:sz w:val="18"/>
      <w:szCs w:val="18"/>
    </w:rPr>
  </w:style>
  <w:style w:type="paragraph" w:styleId="Revisie">
    <w:name w:val="Revision"/>
    <w:hidden/>
    <w:uiPriority w:val="99"/>
    <w:semiHidden/>
    <w:rsid w:val="004476B8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937210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1269\AppData\Local\Temp\Templafy\WordVsto\515n0chf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7971C6D-3F3B-44A4-A545-8AEBE2C73372}">
  <ds:schemaRefs/>
</ds:datastoreItem>
</file>

<file path=customXml/itemProps2.xml><?xml version="1.0" encoding="utf-8"?>
<ds:datastoreItem xmlns:ds="http://schemas.openxmlformats.org/officeDocument/2006/customXml" ds:itemID="{CD0BFF8B-C29C-4A2A-97A3-738A635A328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15n0chf</Template>
  <TotalTime>1</TotalTime>
  <Pages>2</Pages>
  <Words>506</Words>
  <Characters>2783</Characters>
  <Application>Microsoft Office Word</Application>
  <DocSecurity>0</DocSecurity>
  <Lines>23</Lines>
  <Paragraphs>6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28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. Vegt</dc:creator>
  <cp:keywords/>
  <dc:description/>
  <cp:lastModifiedBy>Jolanda Streekstra</cp:lastModifiedBy>
  <cp:revision>2</cp:revision>
  <dcterms:created xsi:type="dcterms:W3CDTF">2021-12-06T13:03:00Z</dcterms:created>
  <dcterms:modified xsi:type="dcterms:W3CDTF">2021-12-06T13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29045311526634</vt:lpwstr>
  </property>
  <property fmtid="{D5CDD505-2E9C-101B-9397-08002B2CF9AE}" pid="5" name="TemplafyFromBlank">
    <vt:bool>true</vt:bool>
  </property>
</Properties>
</file>